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autoCompressPictures="0"/>
  <mc:AlternateContent xmlns:mc="http://schemas.openxmlformats.org/markup-compatibility/2006">
    <mc:Choice Requires="x15">
      <x15ac:absPath xmlns:x15ac="http://schemas.microsoft.com/office/spreadsheetml/2010/11/ac" url="\\nbsstd\dfsroot\StudentHome\13\s1316980\My Documents\"/>
    </mc:Choice>
  </mc:AlternateContent>
  <bookViews>
    <workbookView xWindow="0" yWindow="0" windowWidth="25200" windowHeight="11850"/>
  </bookViews>
  <sheets>
    <sheet name="Input" sheetId="5" r:id="rId1"/>
  </sheets>
  <definedNames>
    <definedName name="_xlnm._FilterDatabase" localSheetId="0" hidden="1">Input!$A$1:$H$1</definedName>
  </definedNames>
  <calcPr calcId="152511" concurrentCalc="0"/>
  <extLst>
    <ext xmlns:x15="http://schemas.microsoft.com/office/spreadsheetml/2010/11/main" uri="{140A7094-0E35-4892-8432-C4D2E57EDEB5}">
      <x15:workbookPr chartTrackingRefBase="1"/>
    </ext>
    <ext xmlns:mx="http://schemas.microsoft.com/office/mac/excel/2008/main" uri="{7523E5D3-25F3-A5E0-1632-64F254C22452}">
      <mx:ArchID Flags="2"/>
    </ext>
  </extLst>
</workbook>
</file>

<file path=xl/sharedStrings.xml><?xml version="1.0" encoding="utf-8"?>
<sst xmlns="http://schemas.openxmlformats.org/spreadsheetml/2006/main" count="91" uniqueCount="91">
  <si>
    <t>P</t>
  </si>
  <si>
    <t>1996q4</t>
  </si>
  <si>
    <t>1997q1</t>
  </si>
  <si>
    <t>1997q2</t>
  </si>
  <si>
    <t>1997q3</t>
  </si>
  <si>
    <t>1997q4</t>
  </si>
  <si>
    <t>1998q1</t>
  </si>
  <si>
    <t>1998q2</t>
  </si>
  <si>
    <t>1998q3</t>
  </si>
  <si>
    <t>1998q4</t>
  </si>
  <si>
    <t>1999q1</t>
  </si>
  <si>
    <t>1999q2</t>
  </si>
  <si>
    <t>1999q3</t>
  </si>
  <si>
    <t>1999q4</t>
  </si>
  <si>
    <t>2000q1</t>
  </si>
  <si>
    <t>2000q2</t>
  </si>
  <si>
    <t>2000q3</t>
  </si>
  <si>
    <t>2000q4</t>
  </si>
  <si>
    <t>2001q1</t>
  </si>
  <si>
    <t>2001q2</t>
  </si>
  <si>
    <t>2001q3</t>
  </si>
  <si>
    <t>2001q4</t>
  </si>
  <si>
    <t>2002q1</t>
  </si>
  <si>
    <t>2002q2</t>
  </si>
  <si>
    <t>2002q3</t>
  </si>
  <si>
    <t>2002q4</t>
  </si>
  <si>
    <t>2003q1</t>
  </si>
  <si>
    <t>2003q2</t>
  </si>
  <si>
    <t>2003q3</t>
  </si>
  <si>
    <t>2003q4</t>
  </si>
  <si>
    <t>2004q1</t>
  </si>
  <si>
    <t>2004q2</t>
  </si>
  <si>
    <t>2004q3</t>
  </si>
  <si>
    <t>2004q4</t>
  </si>
  <si>
    <t>2005q1</t>
  </si>
  <si>
    <t>2005q2</t>
  </si>
  <si>
    <t>2005q3</t>
  </si>
  <si>
    <t>2005q4</t>
  </si>
  <si>
    <t>2006q1</t>
  </si>
  <si>
    <t>2006q2</t>
  </si>
  <si>
    <t>2006q3</t>
  </si>
  <si>
    <t>2006q4</t>
  </si>
  <si>
    <t>2007q1</t>
  </si>
  <si>
    <t>2007q2</t>
  </si>
  <si>
    <t>2007q3</t>
  </si>
  <si>
    <t>2007q4</t>
  </si>
  <si>
    <t>2008q1</t>
  </si>
  <si>
    <t>2008q2</t>
  </si>
  <si>
    <t>2008q3</t>
  </si>
  <si>
    <t>2008q4</t>
  </si>
  <si>
    <t>2009q1</t>
  </si>
  <si>
    <t>2009q2</t>
  </si>
  <si>
    <t>2009q3</t>
  </si>
  <si>
    <t>2009q4</t>
  </si>
  <si>
    <t>2010q1</t>
  </si>
  <si>
    <t>2010q2</t>
  </si>
  <si>
    <t>2010q3</t>
  </si>
  <si>
    <t>2010q4</t>
  </si>
  <si>
    <t>2011q1</t>
  </si>
  <si>
    <t>2011q2</t>
  </si>
  <si>
    <t>2011q3</t>
  </si>
  <si>
    <t>2011q4</t>
  </si>
  <si>
    <t>2012q1</t>
  </si>
  <si>
    <t>2012q2</t>
  </si>
  <si>
    <t>2012q3</t>
  </si>
  <si>
    <t>2012q4</t>
  </si>
  <si>
    <t>2013q1</t>
  </si>
  <si>
    <t>2013q2</t>
  </si>
  <si>
    <t>2013q3</t>
  </si>
  <si>
    <t>2013q4</t>
  </si>
  <si>
    <t>2014q1</t>
  </si>
  <si>
    <t>2014q2</t>
  </si>
  <si>
    <t>2014q3</t>
  </si>
  <si>
    <t>2014q4</t>
  </si>
  <si>
    <t>2015q1</t>
  </si>
  <si>
    <t>2015q2</t>
  </si>
  <si>
    <t>2015q3</t>
  </si>
  <si>
    <t>2015q4</t>
  </si>
  <si>
    <t>2016q1</t>
  </si>
  <si>
    <t>2016q2</t>
  </si>
  <si>
    <t>2016q3</t>
  </si>
  <si>
    <t>CONS</t>
  </si>
  <si>
    <t>INV</t>
  </si>
  <si>
    <t>GDP</t>
  </si>
  <si>
    <t>RS</t>
  </si>
  <si>
    <t>ROLL</t>
  </si>
  <si>
    <t>ILR</t>
  </si>
  <si>
    <t>VOLA</t>
  </si>
  <si>
    <t>TERM</t>
  </si>
  <si>
    <t>ER</t>
  </si>
  <si>
    <t>DAT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4">
    <numFmt numFmtId="43" formatCode="_ * #,##0.00_ ;_ * \-#,##0.00_ ;_ * &quot;-&quot;??_ ;_ @_ "/>
    <numFmt numFmtId="164" formatCode="dd\/mm\/yyyy"/>
    <numFmt numFmtId="165" formatCode="0.000000"/>
    <numFmt numFmtId="166" formatCode="0.0000"/>
  </numFmts>
  <fonts count="9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sz val="11"/>
      <color rgb="FF000000"/>
      <name val="Calibri"/>
      <family val="2"/>
      <scheme val="minor"/>
    </font>
    <font>
      <b/>
      <sz val="11"/>
      <color rgb="FF000000"/>
      <name val="Calibri"/>
      <family val="2"/>
    </font>
    <font>
      <sz val="11"/>
      <color rgb="FF000000"/>
      <name val="Calibri"/>
      <family val="2"/>
      <scheme val="minor"/>
    </font>
    <font>
      <sz val="11"/>
      <color rgb="FF000000"/>
      <name val="Calibri"/>
      <family val="2"/>
    </font>
    <font>
      <u/>
      <sz val="11"/>
      <color theme="10"/>
      <name val="Calibri"/>
      <family val="2"/>
      <scheme val="minor"/>
    </font>
    <font>
      <u/>
      <sz val="11"/>
      <color theme="11"/>
      <name val="Calibri"/>
      <family val="2"/>
      <scheme val="minor"/>
    </font>
    <font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1">
    <xf numFmtId="0" fontId="0" fillId="0" borderId="0"/>
    <xf numFmtId="0" fontId="5" fillId="0" borderId="0" applyNumberFormat="0" applyBorder="0" applyAlignment="0"/>
    <xf numFmtId="0" fontId="6" fillId="0" borderId="0" applyNumberFormat="0" applyFill="0" applyBorder="0" applyAlignment="0" applyProtection="0"/>
    <xf numFmtId="0" fontId="7" fillId="0" borderId="0" applyNumberFormat="0" applyFill="0" applyBorder="0" applyAlignment="0" applyProtection="0"/>
    <xf numFmtId="0" fontId="6" fillId="0" borderId="0" applyNumberFormat="0" applyFill="0" applyBorder="0" applyAlignment="0" applyProtection="0"/>
    <xf numFmtId="0" fontId="7" fillId="0" borderId="0" applyNumberFormat="0" applyFill="0" applyBorder="0" applyAlignment="0" applyProtection="0"/>
    <xf numFmtId="0" fontId="6" fillId="0" borderId="0" applyNumberFormat="0" applyFill="0" applyBorder="0" applyAlignment="0" applyProtection="0"/>
    <xf numFmtId="0" fontId="7" fillId="0" borderId="0" applyNumberFormat="0" applyFill="0" applyBorder="0" applyAlignment="0" applyProtection="0"/>
    <xf numFmtId="0" fontId="6" fillId="0" borderId="0" applyNumberFormat="0" applyFill="0" applyBorder="0" applyAlignment="0" applyProtection="0"/>
    <xf numFmtId="0" fontId="7" fillId="0" borderId="0" applyNumberFormat="0" applyFill="0" applyBorder="0" applyAlignment="0" applyProtection="0"/>
    <xf numFmtId="43" fontId="8" fillId="0" borderId="0" applyFont="0" applyFill="0" applyBorder="0" applyAlignment="0" applyProtection="0"/>
  </cellStyleXfs>
  <cellXfs count="10">
    <xf numFmtId="0" fontId="0" fillId="0" borderId="0" xfId="0"/>
    <xf numFmtId="0" fontId="1" fillId="0" borderId="0" xfId="0" applyFont="1"/>
    <xf numFmtId="164" fontId="0" fillId="0" borderId="0" xfId="0" applyNumberFormat="1"/>
    <xf numFmtId="0" fontId="2" fillId="0" borderId="0" xfId="0" applyFont="1"/>
    <xf numFmtId="0" fontId="3" fillId="0" borderId="0" xfId="0" applyFont="1" applyFill="1" applyProtection="1"/>
    <xf numFmtId="165" fontId="0" fillId="0" borderId="0" xfId="0" applyNumberFormat="1"/>
    <xf numFmtId="2" fontId="0" fillId="0" borderId="0" xfId="0" applyNumberFormat="1"/>
    <xf numFmtId="43" fontId="0" fillId="0" borderId="0" xfId="10" applyFont="1"/>
    <xf numFmtId="166" fontId="0" fillId="0" borderId="0" xfId="0" applyNumberFormat="1"/>
    <xf numFmtId="166" fontId="4" fillId="0" borderId="0" xfId="0" applyNumberFormat="1" applyFont="1"/>
  </cellXfs>
  <cellStyles count="11">
    <cellStyle name="Comma" xfId="10" builtinId="3"/>
    <cellStyle name="Followed Hyperlink" xfId="3" builtinId="9" hidden="1"/>
    <cellStyle name="Followed Hyperlink" xfId="5" builtinId="9" hidden="1"/>
    <cellStyle name="Followed Hyperlink" xfId="7" builtinId="9" hidden="1"/>
    <cellStyle name="Followed Hyperlink" xfId="9" builtinId="9" hidden="1"/>
    <cellStyle name="Hyperlink" xfId="2" builtinId="8" hidden="1"/>
    <cellStyle name="Hyperlink" xfId="4" builtinId="8" hidden="1"/>
    <cellStyle name="Hyperlink" xfId="6" builtinId="8" hidden="1"/>
    <cellStyle name="Hyperlink" xfId="8" builtinId="8" hidden="1"/>
    <cellStyle name="Normal" xfId="0" builtinId="0"/>
    <cellStyle name="Normal 4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-tema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82"/>
  <sheetViews>
    <sheetView tabSelected="1" workbookViewId="0">
      <pane xSplit="1" ySplit="1" topLeftCell="B2" activePane="bottomRight" state="frozen"/>
      <selection pane="topRight" activeCell="B1" sqref="B1"/>
      <selection pane="bottomLeft" activeCell="A2" sqref="A2"/>
      <selection pane="bottomRight" activeCell="C2" sqref="C2"/>
    </sheetView>
  </sheetViews>
  <sheetFormatPr defaultColWidth="11.42578125" defaultRowHeight="15" x14ac:dyDescent="0.25"/>
  <cols>
    <col min="1" max="1" width="10.42578125" bestFit="1" customWidth="1"/>
  </cols>
  <sheetData>
    <row r="1" spans="1:11" x14ac:dyDescent="0.25">
      <c r="A1" s="1" t="s">
        <v>90</v>
      </c>
      <c r="B1" s="1" t="s">
        <v>0</v>
      </c>
      <c r="C1" s="1" t="s">
        <v>84</v>
      </c>
      <c r="D1" s="1" t="s">
        <v>85</v>
      </c>
      <c r="E1" s="1" t="s">
        <v>86</v>
      </c>
      <c r="F1" s="1" t="s">
        <v>87</v>
      </c>
      <c r="G1" s="3" t="s">
        <v>88</v>
      </c>
      <c r="H1" s="3" t="s">
        <v>89</v>
      </c>
      <c r="I1" s="4" t="s">
        <v>83</v>
      </c>
      <c r="J1" s="4" t="s">
        <v>81</v>
      </c>
      <c r="K1" s="4" t="s">
        <v>82</v>
      </c>
    </row>
    <row r="2" spans="1:11" x14ac:dyDescent="0.25">
      <c r="A2" s="2" t="s">
        <v>1</v>
      </c>
      <c r="B2" s="6">
        <v>850.2700545810859</v>
      </c>
      <c r="C2" s="8">
        <v>2.6580080464163346E-2</v>
      </c>
      <c r="D2" s="8">
        <v>1.0808490535573272E-2</v>
      </c>
      <c r="E2" s="8">
        <v>0.19837152115517961</v>
      </c>
      <c r="F2" s="8">
        <v>2.2562157444158543E-2</v>
      </c>
      <c r="G2" s="8">
        <v>2.1524306666666666E-2</v>
      </c>
      <c r="H2" s="9"/>
      <c r="I2" s="7">
        <v>231068.78070175438</v>
      </c>
      <c r="J2" s="7">
        <v>137730.87280701753</v>
      </c>
      <c r="K2" s="7">
        <v>63037.09600389863</v>
      </c>
    </row>
    <row r="3" spans="1:11" x14ac:dyDescent="0.25">
      <c r="A3" s="2" t="s">
        <v>2</v>
      </c>
      <c r="B3" s="6">
        <v>1129.4121847136373</v>
      </c>
      <c r="C3" s="8">
        <v>2.6946915530626087E-2</v>
      </c>
      <c r="D3" s="8">
        <v>1.3188459464653956E-2</v>
      </c>
      <c r="E3" s="8">
        <v>0.23627284082882496</v>
      </c>
      <c r="F3" s="8">
        <v>2.4791459786700679E-2</v>
      </c>
      <c r="G3" s="8">
        <v>2.3951550000000009E-2</v>
      </c>
      <c r="H3" s="9">
        <v>0.11323883495145634</v>
      </c>
      <c r="I3" s="7">
        <v>218551.60677966106</v>
      </c>
      <c r="J3" s="7">
        <v>121795.67457627121</v>
      </c>
      <c r="K3" s="7">
        <v>59358.155932203401</v>
      </c>
    </row>
    <row r="4" spans="1:11" x14ac:dyDescent="0.25">
      <c r="A4" s="2" t="s">
        <v>3</v>
      </c>
      <c r="B4" s="6">
        <v>1373.3998806750112</v>
      </c>
      <c r="C4" s="8">
        <v>2.9216878265841763E-2</v>
      </c>
      <c r="D4" s="8">
        <v>1.2221608932769887E-2</v>
      </c>
      <c r="E4" s="8">
        <v>0.20044549785410207</v>
      </c>
      <c r="F4" s="8">
        <v>2.163729311172833E-2</v>
      </c>
      <c r="G4" s="8">
        <v>2.5221203333333324E-2</v>
      </c>
      <c r="H4" s="9">
        <v>6.750138691563487E-2</v>
      </c>
      <c r="I4" s="7">
        <v>236263.23058485135</v>
      </c>
      <c r="J4" s="7">
        <v>130513.46260786192</v>
      </c>
      <c r="K4" s="7">
        <v>66631.275167785221</v>
      </c>
    </row>
    <row r="5" spans="1:11" x14ac:dyDescent="0.25">
      <c r="A5" s="2" t="s">
        <v>4</v>
      </c>
      <c r="B5" s="6">
        <v>1784.7133092365948</v>
      </c>
      <c r="C5" s="8">
        <v>2.7685924764724444E-2</v>
      </c>
      <c r="D5" s="8">
        <v>1.5066473259666391E-2</v>
      </c>
      <c r="E5" s="8">
        <v>0.18069999405417636</v>
      </c>
      <c r="F5" s="8">
        <v>2.2849669967782524E-2</v>
      </c>
      <c r="G5" s="8">
        <v>1.9971443333333345E-2</v>
      </c>
      <c r="H5" s="9">
        <v>7.1520170541684719E-2</v>
      </c>
      <c r="I5" s="7">
        <v>235167.13460620528</v>
      </c>
      <c r="J5" s="7">
        <v>134914.91312649168</v>
      </c>
      <c r="K5" s="7">
        <v>68877.240572792376</v>
      </c>
    </row>
    <row r="6" spans="1:11" x14ac:dyDescent="0.25">
      <c r="A6" s="2" t="s">
        <v>5</v>
      </c>
      <c r="B6" s="6">
        <v>1937.1335279364168</v>
      </c>
      <c r="C6" s="8">
        <v>3.3618068205044892E-2</v>
      </c>
      <c r="D6" s="8">
        <v>1.9401738876470637E-2</v>
      </c>
      <c r="E6" s="8">
        <v>0.18944061541659385</v>
      </c>
      <c r="F6" s="8">
        <v>2.9244781782726867E-2</v>
      </c>
      <c r="G6" s="8">
        <v>1.7374190000000005E-2</v>
      </c>
      <c r="H6" s="9">
        <v>-4.3450855691730204E-2</v>
      </c>
      <c r="I6" s="7">
        <v>251404.45450214384</v>
      </c>
      <c r="J6" s="7">
        <v>145208.07098618388</v>
      </c>
      <c r="K6" s="7">
        <v>72483.230109575976</v>
      </c>
    </row>
    <row r="7" spans="1:11" x14ac:dyDescent="0.25">
      <c r="A7" s="2" t="s">
        <v>6</v>
      </c>
      <c r="B7" s="6">
        <v>1666.5446124843324</v>
      </c>
      <c r="C7" s="8">
        <v>3.7987963093393674E-2</v>
      </c>
      <c r="D7" s="8">
        <v>1.4506322984417603E-2</v>
      </c>
      <c r="E7" s="8">
        <v>0.29354529140834223</v>
      </c>
      <c r="F7" s="8">
        <v>3.0243740474030636E-2</v>
      </c>
      <c r="G7" s="8">
        <v>1.3388579999999997E-2</v>
      </c>
      <c r="H7" s="9">
        <v>-4.070883184565055E-2</v>
      </c>
      <c r="I7" s="7">
        <v>241731.88252013264</v>
      </c>
      <c r="J7" s="7">
        <v>128612.84367598293</v>
      </c>
      <c r="K7" s="7">
        <v>72639.220274751293</v>
      </c>
    </row>
    <row r="8" spans="1:11" x14ac:dyDescent="0.25">
      <c r="A8" s="2" t="s">
        <v>7</v>
      </c>
      <c r="B8" s="6">
        <v>1654.570463776307</v>
      </c>
      <c r="C8" s="8">
        <v>3.5831723341486432E-2</v>
      </c>
      <c r="D8" s="8">
        <v>1.3983305840444171E-2</v>
      </c>
      <c r="E8" s="8">
        <v>0.22018194905462316</v>
      </c>
      <c r="F8" s="8">
        <v>2.5279907589595568E-2</v>
      </c>
      <c r="G8" s="8">
        <v>8.2075733333333289E-3</v>
      </c>
      <c r="H8" s="9">
        <v>-8.0803518898818136E-3</v>
      </c>
      <c r="I8" s="7">
        <v>247139.67151572034</v>
      </c>
      <c r="J8" s="7">
        <v>137748.26841858283</v>
      </c>
      <c r="K8" s="7">
        <v>71704.946034725479</v>
      </c>
    </row>
    <row r="9" spans="1:11" x14ac:dyDescent="0.25">
      <c r="A9" s="2" t="s">
        <v>8</v>
      </c>
      <c r="B9" s="6">
        <v>1210.7227996466195</v>
      </c>
      <c r="C9" s="8">
        <v>6.0028283958395233E-2</v>
      </c>
      <c r="D9" s="8">
        <v>1.8362606597818607E-2</v>
      </c>
      <c r="E9" s="8">
        <v>0.64713986569024462</v>
      </c>
      <c r="F9" s="8">
        <v>2.9567822044379403E-2</v>
      </c>
      <c r="G9" s="8">
        <v>-1.4945403333333315E-2</v>
      </c>
      <c r="H9" s="9">
        <v>-0.35064014543899052</v>
      </c>
      <c r="I9" s="7">
        <v>255149.02054154989</v>
      </c>
      <c r="J9" s="7">
        <v>143902.30765639586</v>
      </c>
      <c r="K9" s="7">
        <v>78188.06115779643</v>
      </c>
    </row>
    <row r="10" spans="1:11" x14ac:dyDescent="0.25">
      <c r="A10" s="2" t="s">
        <v>9</v>
      </c>
      <c r="B10" s="6">
        <v>740.26185880773778</v>
      </c>
      <c r="C10" s="8">
        <v>7.9093013292441922E-2</v>
      </c>
      <c r="D10" s="8">
        <v>1.8030385874796731E-2</v>
      </c>
      <c r="E10" s="8">
        <v>0.79065874008538439</v>
      </c>
      <c r="F10" s="8">
        <v>3.8929630227971738E-2</v>
      </c>
      <c r="G10" s="8">
        <v>-2.2753349999999992E-2</v>
      </c>
      <c r="H10" s="9">
        <v>-0.17196674602584128</v>
      </c>
      <c r="I10" s="7">
        <v>270202.96506753616</v>
      </c>
      <c r="J10" s="7">
        <v>150974.28784350259</v>
      </c>
      <c r="K10" s="7">
        <v>84126.514205868662</v>
      </c>
    </row>
    <row r="11" spans="1:11" x14ac:dyDescent="0.25">
      <c r="A11" s="2" t="s">
        <v>10</v>
      </c>
      <c r="B11" s="6">
        <v>680.06697645614997</v>
      </c>
      <c r="C11" s="8">
        <v>6.2702864734828376E-2</v>
      </c>
      <c r="D11" s="8">
        <v>1.9167897954123918E-2</v>
      </c>
      <c r="E11" s="8">
        <v>0.83258211302289853</v>
      </c>
      <c r="F11" s="8">
        <v>3.4562621341249766E-2</v>
      </c>
      <c r="G11" s="8">
        <v>-1.6265739999999987E-2</v>
      </c>
      <c r="H11" s="9">
        <v>6.7146896835182865E-2</v>
      </c>
      <c r="I11" s="7">
        <v>257899.30925925923</v>
      </c>
      <c r="J11" s="7">
        <v>137572.13564814813</v>
      </c>
      <c r="K11" s="7">
        <v>70019.62083333332</v>
      </c>
    </row>
    <row r="12" spans="1:11" x14ac:dyDescent="0.25">
      <c r="A12" s="2" t="s">
        <v>11</v>
      </c>
      <c r="B12" s="6">
        <v>681.94954855270407</v>
      </c>
      <c r="C12" s="8">
        <v>5.7911446648863565E-2</v>
      </c>
      <c r="D12" s="8">
        <v>1.4601835748076152E-2</v>
      </c>
      <c r="E12" s="8">
        <v>0.51847522405695023</v>
      </c>
      <c r="F12" s="8">
        <v>3.0095722416850729E-2</v>
      </c>
      <c r="G12" s="8">
        <v>-1.0529723333333338E-2</v>
      </c>
      <c r="H12" s="9">
        <v>7.7868844525105896E-2</v>
      </c>
      <c r="I12" s="7">
        <v>258133.55162918771</v>
      </c>
      <c r="J12" s="7">
        <v>141616.44424047729</v>
      </c>
      <c r="K12" s="7">
        <v>70332.739329967881</v>
      </c>
    </row>
    <row r="13" spans="1:11" x14ac:dyDescent="0.25">
      <c r="A13" s="2" t="s">
        <v>12</v>
      </c>
      <c r="B13" s="6">
        <v>795.23297097320267</v>
      </c>
      <c r="C13" s="8">
        <v>5.267923175498461E-2</v>
      </c>
      <c r="D13" s="8">
        <v>1.5439936190289537E-2</v>
      </c>
      <c r="E13" s="8">
        <v>0.44714198500921853</v>
      </c>
      <c r="F13" s="8">
        <v>3.0785531022053399E-2</v>
      </c>
      <c r="G13" s="8">
        <v>-4.1843333333339838E-5</v>
      </c>
      <c r="H13" s="9">
        <v>4.4745458022567089E-3</v>
      </c>
      <c r="I13" s="7">
        <v>268251.95261958998</v>
      </c>
      <c r="J13" s="7">
        <v>152562.5125284738</v>
      </c>
      <c r="K13" s="7">
        <v>78749.245558086564</v>
      </c>
    </row>
    <row r="14" spans="1:11" x14ac:dyDescent="0.25">
      <c r="A14" s="2" t="s">
        <v>13</v>
      </c>
      <c r="B14" s="6">
        <v>835.86540765181326</v>
      </c>
      <c r="C14" s="8">
        <v>5.2790742746824153E-2</v>
      </c>
      <c r="D14" s="8">
        <v>1.8306269946843281E-2</v>
      </c>
      <c r="E14" s="8">
        <v>0.39303204913233808</v>
      </c>
      <c r="F14" s="8">
        <v>3.8483424317161938E-2</v>
      </c>
      <c r="G14" s="8">
        <v>1.0952866666666533E-3</v>
      </c>
      <c r="H14" s="9">
        <v>-7.9099346875188617E-3</v>
      </c>
      <c r="I14" s="7">
        <v>282963.49429484259</v>
      </c>
      <c r="J14" s="7">
        <v>161287.63121862165</v>
      </c>
      <c r="K14" s="7">
        <v>75962.227293473305</v>
      </c>
    </row>
    <row r="15" spans="1:11" x14ac:dyDescent="0.25">
      <c r="A15" s="2" t="s">
        <v>14</v>
      </c>
      <c r="B15" s="6">
        <v>853.47291748598093</v>
      </c>
      <c r="C15" s="8">
        <v>5.6080264693367965E-2</v>
      </c>
      <c r="D15" s="8">
        <v>1.8987546625097228E-2</v>
      </c>
      <c r="E15" s="8">
        <v>0.49108725854831486</v>
      </c>
      <c r="F15" s="8">
        <v>3.743560531088018E-2</v>
      </c>
      <c r="G15" s="8">
        <v>3.3809766666666671E-3</v>
      </c>
      <c r="H15" s="9">
        <v>6.9562718299164855E-2</v>
      </c>
      <c r="I15" s="7">
        <v>279456.05139765551</v>
      </c>
      <c r="J15" s="7">
        <v>148784.45807033361</v>
      </c>
      <c r="K15" s="7">
        <v>72714.580703336323</v>
      </c>
    </row>
    <row r="16" spans="1:11" x14ac:dyDescent="0.25">
      <c r="A16" s="2" t="s">
        <v>15</v>
      </c>
      <c r="B16" s="6">
        <v>815.55139124793141</v>
      </c>
      <c r="C16" s="8">
        <v>6.8906799146229825E-2</v>
      </c>
      <c r="D16" s="8">
        <v>1.7958514560573527E-2</v>
      </c>
      <c r="E16" s="8">
        <v>0.5382979748654011</v>
      </c>
      <c r="F16" s="8">
        <v>3.3645050986885486E-2</v>
      </c>
      <c r="G16" s="8">
        <v>-3.9552833333333301E-3</v>
      </c>
      <c r="H16" s="9">
        <v>-9.3900807102502037E-2</v>
      </c>
      <c r="I16" s="7">
        <v>275963.5147190009</v>
      </c>
      <c r="J16" s="7">
        <v>156098.33853702052</v>
      </c>
      <c r="K16" s="7">
        <v>74914.618644067799</v>
      </c>
    </row>
    <row r="17" spans="1:11" x14ac:dyDescent="0.25">
      <c r="A17" s="2" t="s">
        <v>16</v>
      </c>
      <c r="B17" s="6">
        <v>872.85869998225212</v>
      </c>
      <c r="C17" s="8">
        <v>6.1608655196991255E-2</v>
      </c>
      <c r="D17" s="8">
        <v>1.8596522749592337E-2</v>
      </c>
      <c r="E17" s="8">
        <v>0.46581202295053953</v>
      </c>
      <c r="F17" s="8">
        <v>3.622749767986342E-2</v>
      </c>
      <c r="G17" s="8">
        <v>-8.2490666666666726E-3</v>
      </c>
      <c r="H17" s="9">
        <v>6.4561436211641357E-2</v>
      </c>
      <c r="I17" s="7">
        <v>281919.6954404604</v>
      </c>
      <c r="J17" s="7">
        <v>162588.61797255423</v>
      </c>
      <c r="K17" s="7">
        <v>71706.112439132368</v>
      </c>
    </row>
    <row r="18" spans="1:11" x14ac:dyDescent="0.25">
      <c r="A18" s="2" t="s">
        <v>17</v>
      </c>
      <c r="B18" s="6">
        <v>805.77313893199289</v>
      </c>
      <c r="C18" s="8">
        <v>6.9547940388189233E-2</v>
      </c>
      <c r="D18" s="8">
        <v>2.2354252050056533E-2</v>
      </c>
      <c r="E18" s="8">
        <v>0.59054369296641618</v>
      </c>
      <c r="F18" s="8">
        <v>4.082274296169635E-2</v>
      </c>
      <c r="G18" s="8">
        <v>-1.0700983333333323E-2</v>
      </c>
      <c r="H18" s="9">
        <v>-0.19589143798024156</v>
      </c>
      <c r="I18" s="7">
        <v>298665.24933804059</v>
      </c>
      <c r="J18" s="7">
        <v>167645.82082965577</v>
      </c>
      <c r="K18" s="7">
        <v>77152.308031774053</v>
      </c>
    </row>
    <row r="19" spans="1:11" x14ac:dyDescent="0.25">
      <c r="A19" s="2" t="s">
        <v>18</v>
      </c>
      <c r="B19" s="6">
        <v>736.26044485913405</v>
      </c>
      <c r="C19" s="8">
        <v>7.1132410399557006E-2</v>
      </c>
      <c r="D19" s="8">
        <v>1.9085453459186844E-2</v>
      </c>
      <c r="E19" s="8">
        <v>0.62918866024348996</v>
      </c>
      <c r="F19" s="8">
        <v>3.3052456843676276E-2</v>
      </c>
      <c r="G19" s="8">
        <v>-1.2874209999999997E-2</v>
      </c>
      <c r="H19" s="9">
        <v>-2.2299513178941473E-2</v>
      </c>
      <c r="I19" s="7">
        <v>299394.83559247921</v>
      </c>
      <c r="J19" s="7">
        <v>155236.33012680366</v>
      </c>
      <c r="K19" s="7">
        <v>74654.391342369912</v>
      </c>
    </row>
    <row r="20" spans="1:11" x14ac:dyDescent="0.25">
      <c r="A20" s="2" t="s">
        <v>19</v>
      </c>
      <c r="B20" s="6">
        <v>722.40772518287213</v>
      </c>
      <c r="C20" s="8">
        <v>7.64956596237584E-2</v>
      </c>
      <c r="D20" s="8">
        <v>1.8639601254636175E-2</v>
      </c>
      <c r="E20" s="8">
        <v>0.73789417694739912</v>
      </c>
      <c r="F20" s="8">
        <v>3.0753890570064769E-2</v>
      </c>
      <c r="G20" s="8">
        <v>-4.8373833333333338E-3</v>
      </c>
      <c r="H20" s="9">
        <v>-6.3968710996341771E-2</v>
      </c>
      <c r="I20" s="7">
        <v>291950.78759155539</v>
      </c>
      <c r="J20" s="7">
        <v>162702.02412753127</v>
      </c>
      <c r="K20" s="7">
        <v>75072.410168031027</v>
      </c>
    </row>
    <row r="21" spans="1:11" x14ac:dyDescent="0.25">
      <c r="A21" s="2" t="s">
        <v>20</v>
      </c>
      <c r="B21" s="6">
        <v>606.14680229701457</v>
      </c>
      <c r="C21" s="8">
        <v>0.10399058722960838</v>
      </c>
      <c r="D21" s="8">
        <v>2.0125809227195923E-2</v>
      </c>
      <c r="E21" s="8">
        <v>2.0059462936921006</v>
      </c>
      <c r="F21" s="8">
        <v>4.0024341220657976E-2</v>
      </c>
      <c r="G21" s="8">
        <v>-3.6117166666666534E-3</v>
      </c>
      <c r="H21" s="9">
        <v>-0.20643903957314363</v>
      </c>
      <c r="I21" s="7">
        <v>297824.4003407156</v>
      </c>
      <c r="J21" s="7">
        <v>169833.3816013629</v>
      </c>
      <c r="K21" s="7">
        <v>75159.466780238523</v>
      </c>
    </row>
    <row r="22" spans="1:11" x14ac:dyDescent="0.25">
      <c r="A22" s="2" t="s">
        <v>21</v>
      </c>
      <c r="B22" s="6">
        <v>419.85270750513121</v>
      </c>
      <c r="C22" s="8">
        <v>9.9588910332033015E-2</v>
      </c>
      <c r="D22" s="8">
        <v>2.306383115580158E-2</v>
      </c>
      <c r="E22" s="8">
        <v>1.1574315561046371</v>
      </c>
      <c r="F22" s="8">
        <v>3.7521336172696734E-2</v>
      </c>
      <c r="G22" s="8">
        <v>6.71053333333331E-4</v>
      </c>
      <c r="H22" s="9">
        <v>-0.13277107902125942</v>
      </c>
      <c r="I22" s="7">
        <v>316441.7728055077</v>
      </c>
      <c r="J22" s="7">
        <v>176569.55249569705</v>
      </c>
      <c r="K22" s="7">
        <v>79048.683304647144</v>
      </c>
    </row>
    <row r="23" spans="1:11" x14ac:dyDescent="0.25">
      <c r="A23" s="2" t="s">
        <v>22</v>
      </c>
      <c r="B23" s="6">
        <v>446.08917323483837</v>
      </c>
      <c r="C23" s="8">
        <v>6.7189411301526433E-2</v>
      </c>
      <c r="D23" s="8">
        <v>1.5360126092794208E-2</v>
      </c>
      <c r="E23" s="8">
        <v>0.61951491406966164</v>
      </c>
      <c r="F23" s="8">
        <v>2.9808130270661155E-2</v>
      </c>
      <c r="G23" s="8">
        <v>4.5829733333333372E-3</v>
      </c>
      <c r="H23" s="9">
        <v>2.4108779955080137E-2</v>
      </c>
      <c r="I23" s="7">
        <v>303039.2310330047</v>
      </c>
      <c r="J23" s="7">
        <v>161651.23317616803</v>
      </c>
      <c r="K23" s="7">
        <v>73559.682811830266</v>
      </c>
    </row>
    <row r="24" spans="1:11" x14ac:dyDescent="0.25">
      <c r="A24" s="2" t="s">
        <v>23</v>
      </c>
      <c r="B24" s="6">
        <v>362.36641315741883</v>
      </c>
      <c r="C24" s="8">
        <v>6.7152561219617019E-2</v>
      </c>
      <c r="D24" s="8">
        <v>1.4902724526540206E-2</v>
      </c>
      <c r="E24" s="8">
        <v>0.56845900857736809</v>
      </c>
      <c r="F24" s="8">
        <v>2.3773260053163697E-2</v>
      </c>
      <c r="G24" s="8">
        <v>1.7508633333333384E-3</v>
      </c>
      <c r="H24" s="9">
        <v>-0.17059776370585872</v>
      </c>
      <c r="I24" s="7">
        <v>312177.06268656719</v>
      </c>
      <c r="J24" s="7">
        <v>169183.88059701494</v>
      </c>
      <c r="K24" s="7">
        <v>76702.325373134343</v>
      </c>
    </row>
    <row r="25" spans="1:11" x14ac:dyDescent="0.25">
      <c r="A25" s="2" t="s">
        <v>24</v>
      </c>
      <c r="B25" s="6">
        <v>251.84808217308225</v>
      </c>
      <c r="C25" s="8">
        <v>0.10832820690413354</v>
      </c>
      <c r="D25" s="8">
        <v>2.0129184244049574E-2</v>
      </c>
      <c r="E25" s="8">
        <v>0.99000362919681717</v>
      </c>
      <c r="F25" s="8">
        <v>2.9967138526195324E-2</v>
      </c>
      <c r="G25" s="8">
        <v>-5.1683566666666514E-3</v>
      </c>
      <c r="H25" s="9">
        <v>-0.28385422720706949</v>
      </c>
      <c r="I25" s="7">
        <v>312225.48579906742</v>
      </c>
      <c r="J25" s="7">
        <v>176650.64052564648</v>
      </c>
      <c r="K25" s="7">
        <v>73406.182280627385</v>
      </c>
    </row>
    <row r="26" spans="1:11" x14ac:dyDescent="0.25">
      <c r="A26" s="2" t="s">
        <v>25</v>
      </c>
      <c r="B26" s="6">
        <v>153.27434823622326</v>
      </c>
      <c r="C26" s="8">
        <v>0.10744887432657423</v>
      </c>
      <c r="D26" s="8">
        <v>2.3759791134837966E-2</v>
      </c>
      <c r="E26" s="8">
        <v>0.96283463205491382</v>
      </c>
      <c r="F26" s="8">
        <v>3.7021901380041758E-2</v>
      </c>
      <c r="G26" s="8">
        <v>2.4552266666666642E-3</v>
      </c>
      <c r="H26" s="9">
        <v>-0.10489921195872934</v>
      </c>
      <c r="I26" s="7">
        <v>324176.64234196011</v>
      </c>
      <c r="J26" s="7">
        <v>186591.73313534152</v>
      </c>
      <c r="K26" s="7">
        <v>77885.633432329225</v>
      </c>
    </row>
    <row r="27" spans="1:11" x14ac:dyDescent="0.25">
      <c r="A27" s="2" t="s">
        <v>26</v>
      </c>
      <c r="B27" s="6">
        <v>112.88753186589426</v>
      </c>
      <c r="C27" s="8">
        <v>0.11418654189220993</v>
      </c>
      <c r="D27" s="8">
        <v>1.8523630258559368E-2</v>
      </c>
      <c r="E27" s="8">
        <v>1.4079739221698695</v>
      </c>
      <c r="F27" s="8">
        <v>3.3763681148416762E-2</v>
      </c>
      <c r="G27" s="8">
        <v>-2.3931766666666632E-3</v>
      </c>
      <c r="H27" s="9">
        <v>-0.19807045787956254</v>
      </c>
      <c r="I27" s="7">
        <v>313800.49056603771</v>
      </c>
      <c r="J27" s="7">
        <v>169903.61844863731</v>
      </c>
      <c r="K27" s="7">
        <v>75850.90524109015</v>
      </c>
    </row>
    <row r="28" spans="1:11" x14ac:dyDescent="0.25">
      <c r="A28" s="2" t="s">
        <v>27</v>
      </c>
      <c r="B28" s="6">
        <v>122.13221284330085</v>
      </c>
      <c r="C28" s="8">
        <v>0.10946776434188234</v>
      </c>
      <c r="D28" s="8">
        <v>1.5272992181070854E-2</v>
      </c>
      <c r="E28" s="8">
        <v>0.94060596500814309</v>
      </c>
      <c r="F28" s="8">
        <v>3.922288030573038E-2</v>
      </c>
      <c r="G28" s="8">
        <v>2.8420566666666688E-3</v>
      </c>
      <c r="H28" s="9">
        <v>0.27590190996227909</v>
      </c>
      <c r="I28" s="7">
        <v>321630.42886261723</v>
      </c>
      <c r="J28" s="7">
        <v>181941.01100693032</v>
      </c>
      <c r="K28" s="7">
        <v>74166.25275173258</v>
      </c>
    </row>
    <row r="29" spans="1:11" x14ac:dyDescent="0.25">
      <c r="A29" s="2" t="s">
        <v>28</v>
      </c>
      <c r="B29" s="6">
        <v>151.26458664313037</v>
      </c>
      <c r="C29" s="8">
        <v>7.3359385041082401E-2</v>
      </c>
      <c r="D29" s="8">
        <v>1.5721382717956717E-2</v>
      </c>
      <c r="E29" s="8">
        <v>0.64233826109460479</v>
      </c>
      <c r="F29" s="8">
        <v>2.6113929577126407E-2</v>
      </c>
      <c r="G29" s="8">
        <v>1.9062786666666675E-2</v>
      </c>
      <c r="H29" s="9">
        <v>0.138283260513475</v>
      </c>
      <c r="I29" s="7">
        <v>326999.12023217237</v>
      </c>
      <c r="J29" s="7">
        <v>188843.70149253725</v>
      </c>
      <c r="K29" s="7">
        <v>80720.279436152545</v>
      </c>
    </row>
    <row r="30" spans="1:11" x14ac:dyDescent="0.25">
      <c r="A30" s="2" t="s">
        <v>29</v>
      </c>
      <c r="B30" s="6">
        <v>151.3837664975035</v>
      </c>
      <c r="C30" s="8">
        <v>6.0529419775842759E-2</v>
      </c>
      <c r="D30" s="8">
        <v>2.0297631003372282E-2</v>
      </c>
      <c r="E30" s="8">
        <v>0.60256178318424891</v>
      </c>
      <c r="F30" s="8">
        <v>2.9550977020566575E-2</v>
      </c>
      <c r="G30" s="8">
        <v>2.2974066666666657E-2</v>
      </c>
      <c r="H30" s="9">
        <v>4.2885825097321251E-2</v>
      </c>
      <c r="I30" s="7">
        <v>341436.67360532895</v>
      </c>
      <c r="J30" s="7">
        <v>197863.54288093257</v>
      </c>
      <c r="K30" s="7">
        <v>73809.40882597836</v>
      </c>
    </row>
    <row r="31" spans="1:11" x14ac:dyDescent="0.25">
      <c r="A31" s="2" t="s">
        <v>30</v>
      </c>
      <c r="B31" s="6">
        <v>190.61608312554682</v>
      </c>
      <c r="C31" s="8">
        <v>3.9736118937280136E-2</v>
      </c>
      <c r="D31" s="8">
        <v>1.9467028427745222E-2</v>
      </c>
      <c r="E31" s="8">
        <v>0.4271110891122748</v>
      </c>
      <c r="F31" s="8">
        <v>3.1049197123004042E-2</v>
      </c>
      <c r="G31" s="8">
        <v>2.3523453333333336E-2</v>
      </c>
      <c r="H31" s="9">
        <v>0.20291465872388165</v>
      </c>
      <c r="I31" s="7">
        <v>342362.76304888149</v>
      </c>
      <c r="J31" s="7">
        <v>185473.16072908035</v>
      </c>
      <c r="K31" s="7">
        <v>76224.486329743158</v>
      </c>
    </row>
    <row r="32" spans="1:11" x14ac:dyDescent="0.25">
      <c r="A32" s="2" t="s">
        <v>31</v>
      </c>
      <c r="B32" s="6">
        <v>223.1499174101651</v>
      </c>
      <c r="C32" s="8">
        <v>4.4936220568793477E-2</v>
      </c>
      <c r="D32" s="8">
        <v>1.6164665314894345E-2</v>
      </c>
      <c r="E32" s="8">
        <v>0.48254623674876518</v>
      </c>
      <c r="F32" s="8">
        <v>2.3352857720803873E-2</v>
      </c>
      <c r="G32" s="8">
        <v>2.9951493333333339E-2</v>
      </c>
      <c r="H32" s="9">
        <v>-5.4537891644872716E-2</v>
      </c>
      <c r="I32" s="7">
        <v>336980.5508684864</v>
      </c>
      <c r="J32" s="7">
        <v>192633.17617866007</v>
      </c>
      <c r="K32" s="7">
        <v>82578.095947063703</v>
      </c>
    </row>
    <row r="33" spans="1:11" x14ac:dyDescent="0.25">
      <c r="A33" s="2" t="s">
        <v>32</v>
      </c>
      <c r="B33" s="6">
        <v>230.31641136832977</v>
      </c>
      <c r="C33" s="8">
        <v>4.2536352348280446E-2</v>
      </c>
      <c r="D33" s="8">
        <v>1.4169573557842251E-2</v>
      </c>
      <c r="E33" s="8">
        <v>0.44056512535338738</v>
      </c>
      <c r="F33" s="8">
        <v>2.0034107251750824E-2</v>
      </c>
      <c r="G33" s="8">
        <v>2.5040890000000003E-2</v>
      </c>
      <c r="H33" s="9">
        <v>4.0090457897718604E-2</v>
      </c>
      <c r="I33" s="7">
        <v>349473.63898026309</v>
      </c>
      <c r="J33" s="7">
        <v>201765.92886513154</v>
      </c>
      <c r="K33" s="7">
        <v>86608.597450657879</v>
      </c>
    </row>
    <row r="34" spans="1:11" x14ac:dyDescent="0.25">
      <c r="A34" s="2" t="s">
        <v>33</v>
      </c>
      <c r="B34" s="6">
        <v>269.65418025653861</v>
      </c>
      <c r="C34" s="8">
        <v>3.0892977552386774E-2</v>
      </c>
      <c r="D34" s="8">
        <v>1.326826937698947E-2</v>
      </c>
      <c r="E34" s="8">
        <v>0.22159241247309586</v>
      </c>
      <c r="F34" s="8">
        <v>2.3170597768759876E-2</v>
      </c>
      <c r="G34" s="8">
        <v>2.2518340000000001E-2</v>
      </c>
      <c r="H34" s="9">
        <v>8.1921894814814752E-2</v>
      </c>
      <c r="I34" s="7">
        <v>374673.62566844921</v>
      </c>
      <c r="J34" s="7">
        <v>208047.46524064173</v>
      </c>
      <c r="K34" s="7">
        <v>102692.88770053477</v>
      </c>
    </row>
    <row r="35" spans="1:11" x14ac:dyDescent="0.25">
      <c r="A35" s="2" t="s">
        <v>34</v>
      </c>
      <c r="B35" s="6">
        <v>425.67748763658597</v>
      </c>
      <c r="C35" s="8">
        <v>2.7818484488935584E-2</v>
      </c>
      <c r="D35" s="8">
        <v>1.4521761384947924E-2</v>
      </c>
      <c r="E35" s="8">
        <v>0.21704757525360363</v>
      </c>
      <c r="F35" s="8">
        <v>2.2320834284394485E-2</v>
      </c>
      <c r="G35" s="8">
        <v>2.1177876666666661E-2</v>
      </c>
      <c r="H35" s="9">
        <v>0.12827618665877513</v>
      </c>
      <c r="I35" s="7">
        <v>357884.62847790506</v>
      </c>
      <c r="J35" s="7">
        <v>190972.15057283142</v>
      </c>
      <c r="K35" s="7">
        <v>92019.240589198045</v>
      </c>
    </row>
    <row r="36" spans="1:11" x14ac:dyDescent="0.25">
      <c r="A36" s="2" t="s">
        <v>35</v>
      </c>
      <c r="B36" s="6">
        <v>447.56028726405168</v>
      </c>
      <c r="C36" s="8">
        <v>3.1550776777243855E-2</v>
      </c>
      <c r="D36" s="8">
        <v>1.4712231866743988E-2</v>
      </c>
      <c r="E36" s="8">
        <v>0.25397774448966859</v>
      </c>
      <c r="F36" s="8">
        <v>2.647896419574642E-2</v>
      </c>
      <c r="G36" s="8">
        <v>1.8412050000000006E-2</v>
      </c>
      <c r="H36" s="9">
        <v>2.410756743174796E-3</v>
      </c>
      <c r="I36" s="7">
        <v>375364.37960687955</v>
      </c>
      <c r="J36" s="7">
        <v>205402.57371007369</v>
      </c>
      <c r="K36" s="7">
        <v>97735.30712530711</v>
      </c>
    </row>
    <row r="37" spans="1:11" x14ac:dyDescent="0.25">
      <c r="A37" s="2" t="s">
        <v>36</v>
      </c>
      <c r="B37" s="6">
        <v>699.33682219843638</v>
      </c>
      <c r="C37" s="8">
        <v>2.7004031977482183E-2</v>
      </c>
      <c r="D37" s="8">
        <v>1.4976561694449225E-2</v>
      </c>
      <c r="E37" s="8">
        <v>0.1906158290619096</v>
      </c>
      <c r="F37" s="8">
        <v>2.2400940450045367E-2</v>
      </c>
      <c r="G37" s="8">
        <v>1.4695356666666669E-2</v>
      </c>
      <c r="H37" s="9">
        <v>0.16778542836655164</v>
      </c>
      <c r="I37" s="7">
        <v>369871.44916970428</v>
      </c>
      <c r="J37" s="7">
        <v>216310.0591332523</v>
      </c>
      <c r="K37" s="7">
        <v>97587.972458485208</v>
      </c>
    </row>
    <row r="38" spans="1:11" x14ac:dyDescent="0.25">
      <c r="A38" s="2" t="s">
        <v>37</v>
      </c>
      <c r="B38" s="6">
        <v>1003.2443559961662</v>
      </c>
      <c r="C38" s="8">
        <v>3.4327679368304678E-2</v>
      </c>
      <c r="D38" s="8">
        <v>1.5040036278085943E-2</v>
      </c>
      <c r="E38" s="8">
        <v>0.21736711566105937</v>
      </c>
      <c r="F38" s="8">
        <v>3.1738031977015052E-2</v>
      </c>
      <c r="G38" s="8">
        <v>1.5347976666666662E-2</v>
      </c>
      <c r="H38" s="9">
        <v>1.6444295014551285E-2</v>
      </c>
      <c r="I38" s="7">
        <v>404123.82821341959</v>
      </c>
      <c r="J38" s="7">
        <v>218022.05658852062</v>
      </c>
      <c r="K38" s="7">
        <v>115190.33427647535</v>
      </c>
    </row>
    <row r="39" spans="1:11" x14ac:dyDescent="0.25">
      <c r="A39" s="2" t="s">
        <v>38</v>
      </c>
      <c r="B39" s="6">
        <v>916.80267222500379</v>
      </c>
      <c r="C39" s="8">
        <v>2.7193044453564651E-2</v>
      </c>
      <c r="D39" s="8">
        <v>1.4660819844757329E-2</v>
      </c>
      <c r="E39" s="8">
        <v>0.16641223174737732</v>
      </c>
      <c r="F39" s="8">
        <v>2.4948447989168922E-2</v>
      </c>
      <c r="G39" s="8">
        <v>1.3194710000000005E-2</v>
      </c>
      <c r="H39" s="9">
        <v>9.3162344933030064E-2</v>
      </c>
      <c r="I39" s="7">
        <v>400316.17798312573</v>
      </c>
      <c r="J39" s="7">
        <v>205327.91884290878</v>
      </c>
      <c r="K39" s="7">
        <v>103400.58417034954</v>
      </c>
    </row>
    <row r="40" spans="1:11" x14ac:dyDescent="0.25">
      <c r="A40" s="2" t="s">
        <v>39</v>
      </c>
      <c r="B40" s="6">
        <v>2286.1891124367876</v>
      </c>
      <c r="C40" s="8">
        <v>3.2387048680656276E-2</v>
      </c>
      <c r="D40" s="8">
        <v>2.1087066433032476E-2</v>
      </c>
      <c r="E40" s="8">
        <v>0.24612752096331175</v>
      </c>
      <c r="F40" s="8">
        <v>3.4503467251119128E-2</v>
      </c>
      <c r="G40" s="8">
        <v>1.3759193333333326E-2</v>
      </c>
      <c r="H40" s="9">
        <v>-4.0368012607027784E-2</v>
      </c>
      <c r="I40" s="7">
        <v>398310.84821786144</v>
      </c>
      <c r="J40" s="7">
        <v>218033.11333600321</v>
      </c>
      <c r="K40" s="7">
        <v>114308.03764517422</v>
      </c>
    </row>
    <row r="41" spans="1:11" x14ac:dyDescent="0.25">
      <c r="A41" s="2" t="s">
        <v>40</v>
      </c>
      <c r="B41" s="6">
        <v>2487.8193997943063</v>
      </c>
      <c r="C41" s="8">
        <v>3.5408582079904598E-2</v>
      </c>
      <c r="D41" s="8">
        <v>1.5756676159105594E-2</v>
      </c>
      <c r="E41" s="8">
        <v>0.27728056474892671</v>
      </c>
      <c r="F41" s="8">
        <v>2.8302301088121457E-2</v>
      </c>
      <c r="G41" s="8">
        <v>1.0918836666666668E-2</v>
      </c>
      <c r="H41" s="9">
        <v>1.8853114835192988E-2</v>
      </c>
      <c r="I41" s="7">
        <v>408668.27927215194</v>
      </c>
      <c r="J41" s="7">
        <v>228282.66257911394</v>
      </c>
      <c r="K41" s="7">
        <v>114707.60719936709</v>
      </c>
    </row>
    <row r="42" spans="1:11" x14ac:dyDescent="0.25">
      <c r="A42" s="2" t="s">
        <v>41</v>
      </c>
      <c r="B42" s="6">
        <v>3084.8383996954722</v>
      </c>
      <c r="C42" s="8">
        <v>2.8297556268361064E-2</v>
      </c>
      <c r="D42" s="8">
        <v>1.3533816173683601E-2</v>
      </c>
      <c r="E42" s="8">
        <v>0.22107119592750266</v>
      </c>
      <c r="F42" s="8">
        <v>2.2530286055801461E-2</v>
      </c>
      <c r="G42" s="8">
        <v>6.8436966666666696E-3</v>
      </c>
      <c r="H42" s="9">
        <v>5.2472253451290342E-2</v>
      </c>
      <c r="I42" s="7">
        <v>444224.41755634634</v>
      </c>
      <c r="J42" s="7">
        <v>234869.39027283509</v>
      </c>
      <c r="K42" s="7">
        <v>128291.78647686832</v>
      </c>
    </row>
    <row r="43" spans="1:11" x14ac:dyDescent="0.25">
      <c r="A43" s="2" t="s">
        <v>42</v>
      </c>
      <c r="B43" s="6">
        <v>3194.9316938557095</v>
      </c>
      <c r="C43" s="8">
        <v>2.4118554265874684E-2</v>
      </c>
      <c r="D43" s="8">
        <v>1.4366479702472762E-2</v>
      </c>
      <c r="E43" s="8">
        <v>0.17044653291688189</v>
      </c>
      <c r="F43" s="8">
        <v>2.186386915886937E-2</v>
      </c>
      <c r="G43" s="8">
        <v>4.5042700000000047E-3</v>
      </c>
      <c r="H43" s="9">
        <v>3.0515468393460282E-2</v>
      </c>
      <c r="I43" s="7">
        <v>449887.28549019608</v>
      </c>
      <c r="J43" s="7">
        <v>223992.81568627452</v>
      </c>
      <c r="K43" s="7">
        <v>124228.25960784314</v>
      </c>
    </row>
    <row r="44" spans="1:11" x14ac:dyDescent="0.25">
      <c r="A44" s="2" t="s">
        <v>43</v>
      </c>
      <c r="B44" s="6">
        <v>3069.2728586573771</v>
      </c>
      <c r="C44" s="8">
        <v>2.2553808742978271E-2</v>
      </c>
      <c r="D44" s="8">
        <v>1.2527187359277079E-2</v>
      </c>
      <c r="E44" s="8">
        <v>0.14301444598746563</v>
      </c>
      <c r="F44" s="8">
        <v>2.0101298918125003E-2</v>
      </c>
      <c r="G44" s="8">
        <v>4.9132033333333242E-3</v>
      </c>
      <c r="H44" s="9">
        <v>4.1694298118972094E-2</v>
      </c>
      <c r="I44" s="7">
        <v>442892.71213322761</v>
      </c>
      <c r="J44" s="7">
        <v>233249.96669310072</v>
      </c>
      <c r="K44" s="7">
        <v>136209.65900079304</v>
      </c>
    </row>
    <row r="45" spans="1:11" x14ac:dyDescent="0.25">
      <c r="A45" s="2" t="s">
        <v>44</v>
      </c>
      <c r="B45" s="6">
        <v>3055.1076867058505</v>
      </c>
      <c r="C45" s="8">
        <v>3.1371471750260671E-2</v>
      </c>
      <c r="D45" s="8">
        <v>1.5695768388620409E-2</v>
      </c>
      <c r="E45" s="8">
        <v>0.24942246042000371</v>
      </c>
      <c r="F45" s="8">
        <v>2.2970197394121275E-2</v>
      </c>
      <c r="G45" s="8">
        <v>2.2476566666666739E-3</v>
      </c>
      <c r="H45" s="9">
        <v>-6.2437596596560931E-2</v>
      </c>
      <c r="I45" s="7">
        <v>450526.3272870662</v>
      </c>
      <c r="J45" s="7">
        <v>242203.17941640376</v>
      </c>
      <c r="K45" s="7">
        <v>138898.11750788643</v>
      </c>
    </row>
    <row r="46" spans="1:11" x14ac:dyDescent="0.25">
      <c r="A46" s="2" t="s">
        <v>45</v>
      </c>
      <c r="B46" s="6">
        <v>3382.8437073638861</v>
      </c>
      <c r="C46" s="8">
        <v>3.4293361938655752E-2</v>
      </c>
      <c r="D46" s="8">
        <v>1.6993340850709967E-2</v>
      </c>
      <c r="E46" s="8">
        <v>0.23701652472668444</v>
      </c>
      <c r="F46" s="8">
        <v>2.856396758802815E-2</v>
      </c>
      <c r="G46" s="8">
        <v>-2.9590533333333224E-3</v>
      </c>
      <c r="H46" s="9">
        <v>-2.7400130842215101E-2</v>
      </c>
      <c r="I46" s="7">
        <v>479423.62100276351</v>
      </c>
      <c r="J46" s="7">
        <v>248060.82116067904</v>
      </c>
      <c r="K46" s="7">
        <v>149230.24003158309</v>
      </c>
    </row>
    <row r="47" spans="1:11" x14ac:dyDescent="0.25">
      <c r="A47" s="2" t="s">
        <v>46</v>
      </c>
      <c r="B47" s="6">
        <v>3834.2849981669383</v>
      </c>
      <c r="C47" s="8">
        <v>4.2528818698931138E-2</v>
      </c>
      <c r="D47" s="8">
        <v>1.8035706504068379E-2</v>
      </c>
      <c r="E47" s="8">
        <v>0.49504591031474132</v>
      </c>
      <c r="F47" s="8">
        <v>3.0747265578047866E-2</v>
      </c>
      <c r="G47" s="8">
        <v>-8.4021933333333354E-3</v>
      </c>
      <c r="H47" s="9">
        <v>-0.20703794386992072</v>
      </c>
      <c r="I47" s="7">
        <v>459207.35280464211</v>
      </c>
      <c r="J47" s="7">
        <v>233557.00967117984</v>
      </c>
      <c r="K47" s="7">
        <v>136661.48936170212</v>
      </c>
    </row>
    <row r="48" spans="1:11" x14ac:dyDescent="0.25">
      <c r="A48" s="2" t="s">
        <v>47</v>
      </c>
      <c r="B48" s="6">
        <v>3393.5897485389783</v>
      </c>
      <c r="C48" s="8">
        <v>3.6448493852545748E-2</v>
      </c>
      <c r="D48" s="8">
        <v>1.6091514043709197E-2</v>
      </c>
      <c r="E48" s="8">
        <v>0.34768492895814973</v>
      </c>
      <c r="F48" s="8">
        <v>2.4799926331492323E-2</v>
      </c>
      <c r="G48" s="8">
        <v>-9.4769899999999976E-3</v>
      </c>
      <c r="H48" s="9">
        <v>0.12970492472640077</v>
      </c>
      <c r="I48" s="7">
        <v>484954.35924932983</v>
      </c>
      <c r="J48" s="7">
        <v>250685.11528150138</v>
      </c>
      <c r="K48" s="7">
        <v>143997.908847185</v>
      </c>
    </row>
    <row r="49" spans="1:11" x14ac:dyDescent="0.25">
      <c r="A49" s="2" t="s">
        <v>48</v>
      </c>
      <c r="B49" s="6">
        <v>2662.9615619372435</v>
      </c>
      <c r="C49" s="8">
        <v>5.0331069439861618E-2</v>
      </c>
      <c r="D49" s="8">
        <v>1.7083565538295698E-2</v>
      </c>
      <c r="E49" s="8">
        <v>0.53003230132125911</v>
      </c>
      <c r="F49" s="8">
        <v>3.6689700245866055E-2</v>
      </c>
      <c r="G49" s="8">
        <v>-1.151518666666667E-2</v>
      </c>
      <c r="H49" s="9">
        <v>-0.32543910087016203</v>
      </c>
      <c r="I49" s="7">
        <v>477217.81818181823</v>
      </c>
      <c r="J49" s="7">
        <v>249992.62337662341</v>
      </c>
      <c r="K49" s="7">
        <v>143210.64935064936</v>
      </c>
    </row>
    <row r="50" spans="1:11" x14ac:dyDescent="0.25">
      <c r="A50" s="2" t="s">
        <v>49</v>
      </c>
      <c r="B50" s="6">
        <v>1265.5091858141684</v>
      </c>
      <c r="C50" s="8">
        <v>7.179987882738928E-2</v>
      </c>
      <c r="D50" s="8">
        <v>2.7561613590359274E-2</v>
      </c>
      <c r="E50" s="8">
        <v>0.9607830050631373</v>
      </c>
      <c r="F50" s="8">
        <v>5.4452866868668591E-2</v>
      </c>
      <c r="G50" s="8">
        <v>-1.6899800000000006E-3</v>
      </c>
      <c r="H50" s="9">
        <v>-0.44759471051217548</v>
      </c>
      <c r="I50" s="7">
        <v>504836.69193061837</v>
      </c>
      <c r="J50" s="7">
        <v>257792.70060331823</v>
      </c>
      <c r="K50" s="7">
        <v>155593.28733031673</v>
      </c>
    </row>
    <row r="51" spans="1:11" x14ac:dyDescent="0.25">
      <c r="A51" s="2" t="s">
        <v>50</v>
      </c>
      <c r="B51" s="6">
        <v>1162.190615406286</v>
      </c>
      <c r="C51" s="8">
        <v>7.2822724110529036E-2</v>
      </c>
      <c r="D51" s="8">
        <v>2.2808354193669552E-2</v>
      </c>
      <c r="E51" s="8">
        <v>1.1923088450552437</v>
      </c>
      <c r="F51" s="8">
        <v>4.1510555277711983E-2</v>
      </c>
      <c r="G51" s="8">
        <v>1.3733729999999996E-2</v>
      </c>
      <c r="H51" s="9">
        <v>-5.4403666378037938E-2</v>
      </c>
      <c r="I51" s="7">
        <v>482503.21143070597</v>
      </c>
      <c r="J51" s="7">
        <v>238144.78632797906</v>
      </c>
      <c r="K51" s="7">
        <v>138336.27456107581</v>
      </c>
    </row>
    <row r="52" spans="1:11" x14ac:dyDescent="0.25">
      <c r="A52" s="2" t="s">
        <v>51</v>
      </c>
      <c r="B52" s="6">
        <v>1198.7888052298583</v>
      </c>
      <c r="C52" s="8">
        <v>5.1105344686120283E-2</v>
      </c>
      <c r="D52" s="8">
        <v>2.1083220304050802E-2</v>
      </c>
      <c r="E52" s="8">
        <v>0.82784774183933663</v>
      </c>
      <c r="F52" s="8">
        <v>3.4143535490216877E-2</v>
      </c>
      <c r="G52" s="8">
        <v>2.4107769999999997E-2</v>
      </c>
      <c r="H52" s="9">
        <v>0.4243715916213246</v>
      </c>
      <c r="I52" s="7">
        <v>478157.08411214961</v>
      </c>
      <c r="J52" s="7">
        <v>251874.82242990658</v>
      </c>
      <c r="K52" s="7">
        <v>137701.92523364487</v>
      </c>
    </row>
    <row r="53" spans="1:11" x14ac:dyDescent="0.25">
      <c r="A53" s="2" t="s">
        <v>52</v>
      </c>
      <c r="B53" s="6">
        <v>1336.7296002922781</v>
      </c>
      <c r="C53" s="8">
        <v>4.838937127300097E-2</v>
      </c>
      <c r="D53" s="8">
        <v>1.6259311879085449E-2</v>
      </c>
      <c r="E53" s="8">
        <v>0.53095093860660425</v>
      </c>
      <c r="F53" s="8">
        <v>3.079914115602353E-2</v>
      </c>
      <c r="G53" s="8">
        <v>2.6646959999999997E-2</v>
      </c>
      <c r="H53" s="9">
        <v>3.5192322762148308E-2</v>
      </c>
      <c r="I53" s="7">
        <v>486578</v>
      </c>
      <c r="J53" s="7">
        <v>261665</v>
      </c>
      <c r="K53" s="7">
        <v>135096</v>
      </c>
    </row>
    <row r="54" spans="1:11" x14ac:dyDescent="0.25">
      <c r="A54" s="2" t="s">
        <v>53</v>
      </c>
      <c r="B54" s="6">
        <v>1364.875719781422</v>
      </c>
      <c r="C54" s="8">
        <v>3.9466789329484393E-2</v>
      </c>
      <c r="D54" s="8">
        <v>1.8447274810875748E-2</v>
      </c>
      <c r="E54" s="8">
        <v>0.46624479402098756</v>
      </c>
      <c r="F54" s="8">
        <v>3.0021372811350464E-2</v>
      </c>
      <c r="G54" s="8">
        <v>2.2409399999999993E-2</v>
      </c>
      <c r="H54" s="9">
        <v>0.12493419190183132</v>
      </c>
      <c r="I54" s="7">
        <v>510381.70555555559</v>
      </c>
      <c r="J54" s="7">
        <v>270558.5</v>
      </c>
      <c r="K54" s="7">
        <v>148238.85</v>
      </c>
    </row>
    <row r="55" spans="1:11" x14ac:dyDescent="0.25">
      <c r="A55" s="2" t="s">
        <v>54</v>
      </c>
      <c r="B55" s="6">
        <v>1398.0665432846902</v>
      </c>
      <c r="C55" s="8">
        <v>3.683996636287426E-2</v>
      </c>
      <c r="D55" s="8">
        <v>1.5609475352806866E-2</v>
      </c>
      <c r="E55" s="8">
        <v>0.46292967374083177</v>
      </c>
      <c r="F55" s="8">
        <v>2.8151159608357724E-2</v>
      </c>
      <c r="G55" s="8">
        <v>1.8919066666666661E-2</v>
      </c>
      <c r="H55" s="9">
        <v>1.1483643366429205E-2</v>
      </c>
      <c r="I55" s="7">
        <v>496035.77900552488</v>
      </c>
      <c r="J55" s="7">
        <v>256747.16906077351</v>
      </c>
      <c r="K55" s="7">
        <v>119135.71712707184</v>
      </c>
    </row>
    <row r="56" spans="1:11" x14ac:dyDescent="0.25">
      <c r="A56" s="2" t="s">
        <v>55</v>
      </c>
      <c r="B56" s="6">
        <v>1106.212679125437</v>
      </c>
      <c r="C56" s="8">
        <v>3.6166089173460945E-2</v>
      </c>
      <c r="D56" s="8">
        <v>1.9737786754015125E-2</v>
      </c>
      <c r="E56" s="8">
        <v>0.7401760112551361</v>
      </c>
      <c r="F56" s="8">
        <v>3.2177767171296591E-2</v>
      </c>
      <c r="G56" s="8">
        <v>1.3402686666666667E-2</v>
      </c>
      <c r="H56" s="9">
        <v>-7.5694108006215385E-2</v>
      </c>
      <c r="I56" s="7">
        <v>507670.33623819897</v>
      </c>
      <c r="J56" s="7">
        <v>263669.20116194629</v>
      </c>
      <c r="K56" s="7">
        <v>134644.18228031954</v>
      </c>
    </row>
    <row r="57" spans="1:11" x14ac:dyDescent="0.25">
      <c r="A57" s="2" t="s">
        <v>56</v>
      </c>
      <c r="B57" s="6">
        <v>853.99407979752664</v>
      </c>
      <c r="C57" s="8">
        <v>4.0884615884205847E-2</v>
      </c>
      <c r="D57" s="8">
        <v>1.9557456267455073E-2</v>
      </c>
      <c r="E57" s="8">
        <v>0.9929435993049246</v>
      </c>
      <c r="F57" s="8">
        <v>2.7130287359430929E-2</v>
      </c>
      <c r="G57" s="8">
        <v>1.0177643333333337E-2</v>
      </c>
      <c r="H57" s="9">
        <v>4.428736449741541E-2</v>
      </c>
      <c r="I57" s="7">
        <v>517978.10469314072</v>
      </c>
      <c r="J57" s="7">
        <v>276241.22382671479</v>
      </c>
      <c r="K57" s="7">
        <v>131029.27797833933</v>
      </c>
    </row>
    <row r="58" spans="1:11" x14ac:dyDescent="0.25">
      <c r="A58" s="2" t="s">
        <v>57</v>
      </c>
      <c r="B58" s="6">
        <v>929.60600659884869</v>
      </c>
      <c r="C58" s="8">
        <v>3.0661103058580542E-2</v>
      </c>
      <c r="D58" s="8">
        <v>1.7686968443134363E-2</v>
      </c>
      <c r="E58" s="8">
        <v>0.71601299560387111</v>
      </c>
      <c r="F58" s="8">
        <v>2.6443473578260802E-2</v>
      </c>
      <c r="G58" s="8">
        <v>1.1925829999999995E-2</v>
      </c>
      <c r="H58" s="9">
        <v>0.11089494826063531</v>
      </c>
      <c r="I58" s="7">
        <v>540427.37381818192</v>
      </c>
      <c r="J58" s="7">
        <v>284376.25745454547</v>
      </c>
      <c r="K58" s="7">
        <v>145211.15381818183</v>
      </c>
    </row>
    <row r="59" spans="1:11" x14ac:dyDescent="0.25">
      <c r="A59" s="2" t="s">
        <v>58</v>
      </c>
      <c r="B59" s="6">
        <v>1025.4815288911293</v>
      </c>
      <c r="C59" s="8">
        <v>2.9746876173259919E-2</v>
      </c>
      <c r="D59" s="8">
        <v>1.5248835790601536E-2</v>
      </c>
      <c r="E59" s="8">
        <v>0.54158687407727057</v>
      </c>
      <c r="F59" s="8">
        <v>2.5350243849989233E-2</v>
      </c>
      <c r="G59" s="8">
        <v>1.5355780000000006E-2</v>
      </c>
      <c r="H59" s="9">
        <v>3.3616709923221362E-2</v>
      </c>
      <c r="I59" s="7">
        <v>520595.72416276549</v>
      </c>
      <c r="J59" s="7">
        <v>264806.87432481092</v>
      </c>
      <c r="K59" s="7">
        <v>138252.17356859919</v>
      </c>
    </row>
    <row r="60" spans="1:11" x14ac:dyDescent="0.25">
      <c r="A60" s="2" t="s">
        <v>59</v>
      </c>
      <c r="B60" s="6">
        <v>724.38068138957829</v>
      </c>
      <c r="C60" s="8">
        <v>3.695566219354611E-2</v>
      </c>
      <c r="D60" s="8">
        <v>1.5868910809758545E-2</v>
      </c>
      <c r="E60" s="8">
        <v>0.93200899844865215</v>
      </c>
      <c r="F60" s="8">
        <v>2.3267530506692925E-2</v>
      </c>
      <c r="G60" s="8">
        <v>1.2126773333333334E-2</v>
      </c>
      <c r="H60" s="9">
        <v>-6.4705869450321876E-2</v>
      </c>
      <c r="I60" s="7">
        <v>527940.28796561609</v>
      </c>
      <c r="J60" s="7">
        <v>279093.01432664756</v>
      </c>
      <c r="K60" s="7">
        <v>143059.71060171921</v>
      </c>
    </row>
    <row r="61" spans="1:11" x14ac:dyDescent="0.25">
      <c r="A61" s="2" t="s">
        <v>60</v>
      </c>
      <c r="B61" s="6">
        <v>381.35758765852211</v>
      </c>
      <c r="C61" s="8">
        <v>4.4051167782686466E-2</v>
      </c>
      <c r="D61" s="8">
        <v>2.2323959290864261E-2</v>
      </c>
      <c r="E61" s="8">
        <v>1.2036527348495762</v>
      </c>
      <c r="F61" s="8">
        <v>3.2853882847328784E-2</v>
      </c>
      <c r="G61" s="8">
        <v>5.5504033333333321E-3</v>
      </c>
      <c r="H61" s="9">
        <v>-0.18084385062083216</v>
      </c>
      <c r="I61" s="7">
        <v>539744.00391459081</v>
      </c>
      <c r="J61" s="7">
        <v>286342.11779359431</v>
      </c>
      <c r="K61" s="7">
        <v>149872.56725978648</v>
      </c>
    </row>
    <row r="62" spans="1:11" x14ac:dyDescent="0.25">
      <c r="A62" s="2" t="s">
        <v>61</v>
      </c>
      <c r="B62" s="6">
        <v>296.77287574366858</v>
      </c>
      <c r="C62" s="8">
        <v>4.2040655153097156E-2</v>
      </c>
      <c r="D62" s="8">
        <v>2.4600313017031503E-2</v>
      </c>
      <c r="E62" s="8">
        <v>1.2624924998327749</v>
      </c>
      <c r="F62" s="8">
        <v>3.7345750189158956E-2</v>
      </c>
      <c r="G62" s="8">
        <v>6.8825866666666659E-3</v>
      </c>
      <c r="H62" s="9">
        <v>3.7987790083675421E-2</v>
      </c>
      <c r="I62" s="7">
        <v>565099.8552490148</v>
      </c>
      <c r="J62" s="7">
        <v>292439.93264063064</v>
      </c>
      <c r="K62" s="7">
        <v>162766.43711931209</v>
      </c>
    </row>
    <row r="63" spans="1:11" x14ac:dyDescent="0.25">
      <c r="A63" s="2" t="s">
        <v>62</v>
      </c>
      <c r="B63" s="6">
        <v>393.2224195868385</v>
      </c>
      <c r="C63" s="8">
        <v>3.457913152431942E-2</v>
      </c>
      <c r="D63" s="8">
        <v>1.7349495857478421E-2</v>
      </c>
      <c r="E63" s="8">
        <v>0.76165915442058696</v>
      </c>
      <c r="F63" s="8">
        <v>2.4581230276238226E-2</v>
      </c>
      <c r="G63" s="8">
        <v>7.6285733333333328E-3</v>
      </c>
      <c r="H63" s="9">
        <v>0.10989806127664076</v>
      </c>
      <c r="I63" s="7">
        <v>563206.57142857148</v>
      </c>
      <c r="J63" s="7">
        <v>277718.21071428573</v>
      </c>
      <c r="K63" s="7">
        <v>148952.74107142858</v>
      </c>
    </row>
    <row r="64" spans="1:11" x14ac:dyDescent="0.25">
      <c r="A64" s="2" t="s">
        <v>63</v>
      </c>
      <c r="B64" s="6">
        <v>361.43171017167981</v>
      </c>
      <c r="C64" s="8">
        <v>3.7687412384777297E-2</v>
      </c>
      <c r="D64" s="8">
        <v>1.9949249308404721E-2</v>
      </c>
      <c r="E64" s="8">
        <v>1.0221658304496297</v>
      </c>
      <c r="F64" s="8">
        <v>2.7001362926428997E-2</v>
      </c>
      <c r="G64" s="8">
        <v>5.7755800000000041E-3</v>
      </c>
      <c r="H64" s="9">
        <v>-0.10541291898074215</v>
      </c>
      <c r="I64" s="7">
        <v>561899.78685612779</v>
      </c>
      <c r="J64" s="7">
        <v>290714.03730017756</v>
      </c>
      <c r="K64" s="7">
        <v>159563.17442273532</v>
      </c>
    </row>
    <row r="65" spans="1:11" x14ac:dyDescent="0.25">
      <c r="A65" s="2" t="s">
        <v>64</v>
      </c>
      <c r="B65" s="6">
        <v>327.03973178189443</v>
      </c>
      <c r="C65" s="8">
        <v>3.5672020929961364E-2</v>
      </c>
      <c r="D65" s="8">
        <v>1.8432428653639438E-2</v>
      </c>
      <c r="E65" s="8">
        <v>1.0680832518201526</v>
      </c>
      <c r="F65" s="8">
        <v>2.836830823336613E-2</v>
      </c>
      <c r="G65" s="8">
        <v>4.2077966666666678E-3</v>
      </c>
      <c r="H65" s="9">
        <v>0.13334669922850581</v>
      </c>
      <c r="I65" s="7">
        <v>568116.41155618581</v>
      </c>
      <c r="J65" s="7">
        <v>300960.69549805037</v>
      </c>
      <c r="K65" s="7">
        <v>167354.13541297414</v>
      </c>
    </row>
    <row r="66" spans="1:11" x14ac:dyDescent="0.25">
      <c r="A66" s="2" t="s">
        <v>65</v>
      </c>
      <c r="B66" s="6">
        <v>303.92008300720119</v>
      </c>
      <c r="C66" s="8">
        <v>3.1829509522531399E-2</v>
      </c>
      <c r="D66" s="8">
        <v>1.5681464921517591E-2</v>
      </c>
      <c r="E66" s="8">
        <v>0.91601853562680002</v>
      </c>
      <c r="F66" s="8">
        <v>2.1296190368205015E-2</v>
      </c>
      <c r="G66" s="8">
        <v>4.5819700000000012E-3</v>
      </c>
      <c r="H66" s="9">
        <v>-2.4224795533126529E-2</v>
      </c>
      <c r="I66" s="7">
        <v>594846.26347732963</v>
      </c>
      <c r="J66" s="7">
        <v>303400.86540521251</v>
      </c>
      <c r="K66" s="7">
        <v>181480.39700107108</v>
      </c>
    </row>
    <row r="67" spans="1:11" x14ac:dyDescent="0.25">
      <c r="A67" s="2" t="s">
        <v>66</v>
      </c>
      <c r="B67" s="6">
        <v>340.07516516490131</v>
      </c>
      <c r="C67" s="8">
        <v>2.4857884266319404E-2</v>
      </c>
      <c r="D67" s="8">
        <v>1.3772249450546349E-2</v>
      </c>
      <c r="E67" s="8">
        <v>0.57302903090412316</v>
      </c>
      <c r="F67" s="8">
        <v>2.0458080626586383E-2</v>
      </c>
      <c r="G67" s="8">
        <v>7.4858533333333338E-3</v>
      </c>
      <c r="H67" s="9">
        <v>6.9944103806446709E-2</v>
      </c>
      <c r="I67" s="7">
        <v>582294.85462244169</v>
      </c>
      <c r="J67" s="7">
        <v>291891.70148200419</v>
      </c>
      <c r="K67" s="7">
        <v>161022.74735356384</v>
      </c>
    </row>
    <row r="68" spans="1:11" x14ac:dyDescent="0.25">
      <c r="A68" s="2" t="s">
        <v>67</v>
      </c>
      <c r="B68" s="6">
        <v>304.90902245609499</v>
      </c>
      <c r="C68" s="8">
        <v>2.4772923194643935E-2</v>
      </c>
      <c r="D68" s="8">
        <v>1.2031291230532815E-2</v>
      </c>
      <c r="E68" s="8">
        <v>0.64929282661385312</v>
      </c>
      <c r="F68" s="8">
        <v>2.5255840424695301E-2</v>
      </c>
      <c r="G68" s="8">
        <v>6.7663966666666638E-3</v>
      </c>
      <c r="H68" s="9">
        <v>-1.1285132653359436E-2</v>
      </c>
      <c r="I68" s="7">
        <v>601063.13263157883</v>
      </c>
      <c r="J68" s="7">
        <v>304830.48701754381</v>
      </c>
      <c r="K68" s="7">
        <v>179880.87298245612</v>
      </c>
    </row>
    <row r="69" spans="1:11" x14ac:dyDescent="0.25">
      <c r="A69" s="2" t="s">
        <v>68</v>
      </c>
      <c r="B69" s="6">
        <v>267.90623683284463</v>
      </c>
      <c r="C69" s="8">
        <v>2.2254929673596539E-2</v>
      </c>
      <c r="D69" s="8">
        <v>1.3528293238852412E-2</v>
      </c>
      <c r="E69" s="8">
        <v>0.78734131837103594</v>
      </c>
      <c r="F69" s="8">
        <v>2.0382572741712984E-2</v>
      </c>
      <c r="G69" s="8">
        <v>1.3548996666666665E-2</v>
      </c>
      <c r="H69" s="9">
        <v>3.2046269445900416E-2</v>
      </c>
      <c r="I69" s="7">
        <v>593810.92663421424</v>
      </c>
      <c r="J69" s="7">
        <v>311494.16689847014</v>
      </c>
      <c r="K69" s="7">
        <v>180378.7604311544</v>
      </c>
    </row>
    <row r="70" spans="1:11" x14ac:dyDescent="0.25">
      <c r="A70" s="2" t="s">
        <v>69</v>
      </c>
      <c r="B70" s="6">
        <v>176.254974702493</v>
      </c>
      <c r="C70" s="8">
        <v>2.0983925683203921E-2</v>
      </c>
      <c r="D70" s="8">
        <v>1.6624102056339005E-2</v>
      </c>
      <c r="E70" s="8">
        <v>0.5742239831638295</v>
      </c>
      <c r="F70" s="8">
        <v>2.5160055234212057E-2</v>
      </c>
      <c r="G70" s="8">
        <v>1.4534473333333334E-2</v>
      </c>
      <c r="H70" s="9">
        <v>4.6484779471593032E-2</v>
      </c>
      <c r="I70" s="7">
        <v>627866.30433275574</v>
      </c>
      <c r="J70" s="7">
        <v>317692.81871750439</v>
      </c>
      <c r="K70" s="7">
        <v>191778.81941074526</v>
      </c>
    </row>
    <row r="71" spans="1:11" x14ac:dyDescent="0.25">
      <c r="A71" s="2" t="s">
        <v>70</v>
      </c>
      <c r="B71" s="6">
        <v>142.01090945998894</v>
      </c>
      <c r="C71" s="8">
        <v>2.1315569357733696E-2</v>
      </c>
      <c r="D71" s="8">
        <v>1.6065492103309233E-2</v>
      </c>
      <c r="E71" s="8">
        <v>0.51628442853900158</v>
      </c>
      <c r="F71" s="8">
        <v>2.3443641195108011E-2</v>
      </c>
      <c r="G71" s="8">
        <v>1.5621036666666666E-2</v>
      </c>
      <c r="H71" s="9">
        <v>2.8733346468473975E-2</v>
      </c>
      <c r="I71" s="7">
        <v>621842.48637461185</v>
      </c>
      <c r="J71" s="7">
        <v>306520.5050017247</v>
      </c>
      <c r="K71" s="7">
        <v>174733.46395308725</v>
      </c>
    </row>
    <row r="72" spans="1:11" x14ac:dyDescent="0.25">
      <c r="A72" s="2" t="s">
        <v>71</v>
      </c>
      <c r="B72" s="6">
        <v>143.51623496707663</v>
      </c>
      <c r="C72" s="8">
        <v>2.0746176174980466E-2</v>
      </c>
      <c r="D72" s="8">
        <v>1.6096542963617604E-2</v>
      </c>
      <c r="E72" s="8">
        <v>0.63801032622727305</v>
      </c>
      <c r="F72" s="8">
        <v>2.3475947670840887E-2</v>
      </c>
      <c r="G72" s="8">
        <v>1.4805976666666663E-2</v>
      </c>
      <c r="H72" s="9">
        <v>0.10246063426114856</v>
      </c>
      <c r="I72" s="7">
        <v>620210.88316151197</v>
      </c>
      <c r="J72" s="7">
        <v>318277.38831615116</v>
      </c>
      <c r="K72" s="7">
        <v>187079.33333333331</v>
      </c>
    </row>
    <row r="73" spans="1:11" x14ac:dyDescent="0.25">
      <c r="A73" s="2" t="s">
        <v>72</v>
      </c>
      <c r="B73" s="6">
        <v>133.66931014305032</v>
      </c>
      <c r="C73" s="8">
        <v>2.211465418676016E-2</v>
      </c>
      <c r="D73" s="8">
        <v>1.4155910118929409E-2</v>
      </c>
      <c r="E73" s="8">
        <v>0.55982103007531292</v>
      </c>
      <c r="F73" s="8">
        <v>2.2089646773063638E-2</v>
      </c>
      <c r="G73" s="8">
        <v>1.2288396666666663E-2</v>
      </c>
      <c r="H73" s="9">
        <v>-2.3034188943033031E-2</v>
      </c>
      <c r="I73" s="7">
        <v>620064.36143344711</v>
      </c>
      <c r="J73" s="7">
        <v>322161.89283276454</v>
      </c>
      <c r="K73" s="7">
        <v>184171.1938566553</v>
      </c>
    </row>
    <row r="74" spans="1:11" x14ac:dyDescent="0.25">
      <c r="A74" s="2" t="s">
        <v>73</v>
      </c>
      <c r="B74" s="6">
        <v>108.63068713907226</v>
      </c>
      <c r="C74" s="8">
        <v>2.5122287761634794E-2</v>
      </c>
      <c r="D74" s="8">
        <v>1.8596324876733267E-2</v>
      </c>
      <c r="E74" s="8">
        <v>0.91055401490715371</v>
      </c>
      <c r="F74" s="8">
        <v>2.8749775011592243E-2</v>
      </c>
      <c r="G74" s="8">
        <v>8.1843566666666683E-3</v>
      </c>
      <c r="H74" s="9">
        <v>-0.11011448104332665</v>
      </c>
      <c r="I74" s="7">
        <v>658438.09976247046</v>
      </c>
      <c r="J74" s="7">
        <v>331424.28775025456</v>
      </c>
      <c r="K74" s="7">
        <v>189540.86732270109</v>
      </c>
    </row>
    <row r="75" spans="1:11" x14ac:dyDescent="0.25">
      <c r="A75" s="2" t="s">
        <v>74</v>
      </c>
      <c r="B75" s="6">
        <v>111.27264963016452</v>
      </c>
      <c r="C75" s="8">
        <v>2.5283493757957066E-2</v>
      </c>
      <c r="D75" s="8">
        <v>1.8326141916216544E-2</v>
      </c>
      <c r="E75" s="8">
        <v>0.48676295830349486</v>
      </c>
      <c r="F75" s="8">
        <v>2.5630436198180288E-2</v>
      </c>
      <c r="G75" s="8">
        <v>5.3371399999999989E-3</v>
      </c>
      <c r="H75" s="9">
        <v>0.10057146735289503</v>
      </c>
      <c r="I75" s="7">
        <v>646598.65720081131</v>
      </c>
      <c r="J75" s="7">
        <v>320785.99898580118</v>
      </c>
      <c r="K75" s="7">
        <v>173276.18154158213</v>
      </c>
    </row>
    <row r="76" spans="1:11" x14ac:dyDescent="0.25">
      <c r="A76" s="2" t="s">
        <v>75</v>
      </c>
      <c r="B76" s="6">
        <v>114.14621975649216</v>
      </c>
      <c r="C76" s="8">
        <v>2.280368701035557E-2</v>
      </c>
      <c r="D76" s="8">
        <v>1.61204183162823E-2</v>
      </c>
      <c r="E76" s="8">
        <v>0.42142237250072545</v>
      </c>
      <c r="F76" s="8">
        <v>2.2089743794601369E-2</v>
      </c>
      <c r="G76" s="8">
        <v>6.8615096666666663E-3</v>
      </c>
      <c r="H76" s="9">
        <v>3.8312928228621944E-2</v>
      </c>
      <c r="I76" s="7">
        <v>644805.90192113246</v>
      </c>
      <c r="J76" s="7">
        <v>329001.58543983824</v>
      </c>
      <c r="K76" s="7">
        <v>184498.27569935963</v>
      </c>
    </row>
    <row r="77" spans="1:11" x14ac:dyDescent="0.25">
      <c r="A77" s="2" t="s">
        <v>76</v>
      </c>
      <c r="B77" s="6">
        <v>109.65743590507752</v>
      </c>
      <c r="C77" s="8">
        <v>2.5432944131469251E-2</v>
      </c>
      <c r="D77" s="8">
        <v>1.6807306848920369E-2</v>
      </c>
      <c r="E77" s="8">
        <v>0.63162226879105376</v>
      </c>
      <c r="F77" s="8">
        <v>2.4132377139940951E-2</v>
      </c>
      <c r="G77" s="8">
        <v>8.0888103333333333E-3</v>
      </c>
      <c r="H77" s="9">
        <v>-7.9855196739374926E-2</v>
      </c>
      <c r="I77" s="7">
        <v>641124.60500834719</v>
      </c>
      <c r="J77" s="7">
        <v>337839.612687813</v>
      </c>
      <c r="K77" s="7">
        <v>178352.53422370614</v>
      </c>
    </row>
    <row r="78" spans="1:11" x14ac:dyDescent="0.25">
      <c r="A78" s="2" t="s">
        <v>77</v>
      </c>
      <c r="B78" s="6">
        <v>108.33701028824835</v>
      </c>
      <c r="C78" s="8">
        <v>2.3399930343767663E-2</v>
      </c>
      <c r="D78" s="8">
        <v>1.7522697273969896E-2</v>
      </c>
      <c r="E78" s="8">
        <v>0.47858362430862672</v>
      </c>
      <c r="F78" s="8">
        <v>2.4908608350369503E-2</v>
      </c>
      <c r="G78" s="8">
        <v>9.6036166666666686E-3</v>
      </c>
      <c r="H78" s="9">
        <v>1.6731646318832845E-2</v>
      </c>
      <c r="I78" s="7">
        <v>671171.14437791076</v>
      </c>
      <c r="J78" s="7">
        <v>345304.27811044571</v>
      </c>
      <c r="K78" s="7">
        <v>188882.03592814368</v>
      </c>
    </row>
    <row r="79" spans="1:11" x14ac:dyDescent="0.25">
      <c r="A79" s="2" t="s">
        <v>78</v>
      </c>
      <c r="B79" s="6">
        <v>101.58743743377839</v>
      </c>
      <c r="C79" s="8">
        <v>2.2265129214702091E-2</v>
      </c>
      <c r="D79" s="8">
        <v>1.9634441322562163E-2</v>
      </c>
      <c r="E79" s="8">
        <v>0.49943731457423163</v>
      </c>
      <c r="F79" s="8">
        <v>2.7720963295419499E-2</v>
      </c>
      <c r="G79" s="8">
        <v>8.0362066666666669E-3</v>
      </c>
      <c r="H79" s="9">
        <v>-5.154587944512657E-2</v>
      </c>
      <c r="I79" s="7">
        <v>655265.09861477569</v>
      </c>
      <c r="J79" s="7">
        <v>333962.91688654351</v>
      </c>
      <c r="K79" s="7">
        <v>173084.52110817941</v>
      </c>
    </row>
    <row r="80" spans="1:11" x14ac:dyDescent="0.25">
      <c r="A80" s="2" t="s">
        <v>79</v>
      </c>
      <c r="B80" s="6">
        <v>102.18153634408496</v>
      </c>
      <c r="C80" s="8">
        <v>1.902612644469967E-2</v>
      </c>
      <c r="D80" s="8">
        <v>1.7554362607338569E-2</v>
      </c>
      <c r="E80" s="8">
        <v>0.39723077946485696</v>
      </c>
      <c r="F80" s="8">
        <v>2.513200226871343E-2</v>
      </c>
      <c r="G80" s="8">
        <v>7.6295006666666663E-3</v>
      </c>
      <c r="H80" s="9">
        <v>4.5311838903036958E-2</v>
      </c>
      <c r="I80" s="7">
        <v>672626.88206468476</v>
      </c>
      <c r="J80" s="7">
        <v>348502.22443645867</v>
      </c>
      <c r="K80" s="7">
        <v>185052.83142763804</v>
      </c>
    </row>
    <row r="81" spans="1:11" x14ac:dyDescent="0.25">
      <c r="A81" s="2" t="s">
        <v>80</v>
      </c>
      <c r="B81" s="6">
        <v>104.4859854644001</v>
      </c>
      <c r="C81" s="8">
        <v>1.7147489931645183E-2</v>
      </c>
      <c r="D81" s="8">
        <v>1.4196467943803923E-2</v>
      </c>
      <c r="E81" s="8">
        <v>0.31197240809761811</v>
      </c>
      <c r="F81" s="8">
        <v>2.0356102498292852E-2</v>
      </c>
      <c r="G81" s="8">
        <v>5.8332290000000014E-3</v>
      </c>
      <c r="H81" s="9">
        <v>6.4069193238319279E-3</v>
      </c>
      <c r="I81" s="7">
        <v>662901.71539206197</v>
      </c>
      <c r="J81" s="7">
        <v>351801.99031945789</v>
      </c>
      <c r="K81" s="7">
        <v>186353.13068731851</v>
      </c>
    </row>
    <row r="82" spans="1:11" x14ac:dyDescent="0.25">
      <c r="H82" s="5"/>
    </row>
  </sheetData>
  <pageMargins left="0.7" right="0.7" top="0.75" bottom="0.75" header="0.3" footer="0.3"/>
  <extLst>
    <ext xmlns:mx="http://schemas.microsoft.com/office/mac/excel/2008/main" uri="{64002731-A6B0-56B0-2670-7721B7C09600}">
      <mx:PLV Mode="0" OnePage="0" WScale="0"/>
    </ext>
  </extLs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Input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ecilie Reinertsen</dc:creator>
  <cp:lastModifiedBy>Student</cp:lastModifiedBy>
  <dcterms:created xsi:type="dcterms:W3CDTF">2017-03-30T13:05:15Z</dcterms:created>
  <dcterms:modified xsi:type="dcterms:W3CDTF">2017-07-13T07:23:08Z</dcterms:modified>
</cp:coreProperties>
</file>